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市立高等学校" sheetId="1" r:id="rId1"/>
  </sheets>
  <definedNames>
    <definedName name="_xlnm._FilterDatabase" localSheetId="0" hidden="1">市立高等学校!$A$4:$L$20</definedName>
    <definedName name="_xlnm.Print_Area" localSheetId="0">市立高等学校!$B$2:$J$20</definedName>
  </definedNames>
  <calcPr calcId="152511"/>
</workbook>
</file>

<file path=xl/sharedStrings.xml><?xml version="1.0" encoding="utf-8"?>
<sst xmlns="http://schemas.openxmlformats.org/spreadsheetml/2006/main" count="142" uniqueCount="127">
  <si>
    <t>かわさき</t>
    <phoneticPr fontId="2"/>
  </si>
  <si>
    <t>‐</t>
    <phoneticPr fontId="2"/>
  </si>
  <si>
    <t>川崎市立川崎総合科学高等学校</t>
    <phoneticPr fontId="3"/>
  </si>
  <si>
    <t>かわさきそうごうかがく</t>
    <phoneticPr fontId="3"/>
  </si>
  <si>
    <t>川崎市立橘高等学校</t>
    <phoneticPr fontId="3"/>
  </si>
  <si>
    <t>たちばな</t>
    <phoneticPr fontId="2"/>
  </si>
  <si>
    <t>川崎市立高津高等学校</t>
    <phoneticPr fontId="3"/>
  </si>
  <si>
    <t>よこすかそうごう</t>
    <phoneticPr fontId="3"/>
  </si>
  <si>
    <t>239-0831</t>
    <phoneticPr fontId="3"/>
  </si>
  <si>
    <t>たかつ</t>
    <phoneticPr fontId="3"/>
  </si>
  <si>
    <t>高等学校</t>
    <rPh sb="0" eb="2">
      <t>コウトウ</t>
    </rPh>
    <rPh sb="2" eb="4">
      <t>ガッコウ</t>
    </rPh>
    <phoneticPr fontId="2"/>
  </si>
  <si>
    <t>学校名</t>
    <rPh sb="0" eb="2">
      <t>ガッコウ</t>
    </rPh>
    <rPh sb="2" eb="3">
      <t>メイ</t>
    </rPh>
    <phoneticPr fontId="2"/>
  </si>
  <si>
    <t>郵便番号</t>
    <rPh sb="0" eb="4">
      <t>ユウビンバンゴウ</t>
    </rPh>
    <phoneticPr fontId="2"/>
  </si>
  <si>
    <t>所在地</t>
    <rPh sb="0" eb="3">
      <t>ショザイチ</t>
    </rPh>
    <phoneticPr fontId="2"/>
  </si>
  <si>
    <t>電話</t>
    <rPh sb="0" eb="2">
      <t>デンワ</t>
    </rPh>
    <phoneticPr fontId="2"/>
  </si>
  <si>
    <t>課程</t>
    <rPh sb="0" eb="2">
      <t>カテイ</t>
    </rPh>
    <phoneticPr fontId="2"/>
  </si>
  <si>
    <t>学科</t>
    <rPh sb="0" eb="2">
      <t>ガッカ</t>
    </rPh>
    <phoneticPr fontId="2"/>
  </si>
  <si>
    <t>全日</t>
    <rPh sb="0" eb="1">
      <t>ゼン</t>
    </rPh>
    <rPh sb="1" eb="2">
      <t>ニチ</t>
    </rPh>
    <phoneticPr fontId="2"/>
  </si>
  <si>
    <t>普通</t>
    <rPh sb="0" eb="2">
      <t>フツウ</t>
    </rPh>
    <phoneticPr fontId="2"/>
  </si>
  <si>
    <t>総合</t>
    <rPh sb="0" eb="2">
      <t>ソウゴウ</t>
    </rPh>
    <phoneticPr fontId="2"/>
  </si>
  <si>
    <t>230-0076</t>
  </si>
  <si>
    <t>横浜市鶴見区馬場3-5-1</t>
  </si>
  <si>
    <t>231-0023</t>
  </si>
  <si>
    <t>横浜市中区山下町231</t>
  </si>
  <si>
    <t>232-0006</t>
  </si>
  <si>
    <t>横浜市南区南太田2-30-1</t>
  </si>
  <si>
    <t>240-0011</t>
  </si>
  <si>
    <t>236-0027</t>
  </si>
  <si>
    <t>横浜市金沢区瀬戸22-1</t>
  </si>
  <si>
    <t>横浜市戸塚区汲沢2-27-1</t>
  </si>
  <si>
    <t>233-0011</t>
  </si>
  <si>
    <t>横浜市港南区東永谷2-1-1</t>
  </si>
  <si>
    <t>川崎市立川崎高等学校</t>
    <rPh sb="0" eb="2">
      <t>カワサキ</t>
    </rPh>
    <phoneticPr fontId="3"/>
  </si>
  <si>
    <t>210-0806</t>
  </si>
  <si>
    <t>川崎市川崎区中島3-3-1</t>
  </si>
  <si>
    <t>212-0023</t>
  </si>
  <si>
    <t>川崎市幸区戸手本町1-150</t>
  </si>
  <si>
    <t>212-0002</t>
  </si>
  <si>
    <t>川崎市幸区小向仲野町5-1</t>
  </si>
  <si>
    <t>211-0012</t>
  </si>
  <si>
    <t>川崎市中原区中丸子562</t>
  </si>
  <si>
    <t>213-0011</t>
  </si>
  <si>
    <t>川崎市高津区久本3-11-1</t>
  </si>
  <si>
    <t>横須賀市立横須賀総合高等学校</t>
    <rPh sb="1" eb="3">
      <t>スカ</t>
    </rPh>
    <rPh sb="5" eb="8">
      <t>ヨコスカ</t>
    </rPh>
    <rPh sb="8" eb="10">
      <t>ソウゴウ</t>
    </rPh>
    <rPh sb="10" eb="14">
      <t>コウトウガッコウ</t>
    </rPh>
    <phoneticPr fontId="3"/>
  </si>
  <si>
    <t>横須賀市久里浜6-1-1</t>
    <rPh sb="0" eb="4">
      <t>ヨコスカシ</t>
    </rPh>
    <rPh sb="4" eb="7">
      <t>クリハマ</t>
    </rPh>
    <phoneticPr fontId="3"/>
  </si>
  <si>
    <t>（全日）普通・生活科学・福祉
（定時）普通</t>
    <rPh sb="1" eb="2">
      <t>ゼン</t>
    </rPh>
    <rPh sb="2" eb="3">
      <t>ニチ</t>
    </rPh>
    <rPh sb="4" eb="6">
      <t>フツウ</t>
    </rPh>
    <rPh sb="7" eb="9">
      <t>セイカツ</t>
    </rPh>
    <rPh sb="9" eb="11">
      <t>カガク</t>
    </rPh>
    <rPh sb="12" eb="14">
      <t>フクシ</t>
    </rPh>
    <rPh sb="16" eb="18">
      <t>テイジ</t>
    </rPh>
    <rPh sb="19" eb="21">
      <t>フツウ</t>
    </rPh>
    <phoneticPr fontId="2"/>
  </si>
  <si>
    <t>（全日）普通・国際・スポーツ
（定時）普通</t>
    <rPh sb="1" eb="2">
      <t>ゼン</t>
    </rPh>
    <rPh sb="2" eb="3">
      <t>ニチ</t>
    </rPh>
    <rPh sb="4" eb="6">
      <t>フツウ</t>
    </rPh>
    <rPh sb="7" eb="9">
      <t>コクサイ</t>
    </rPh>
    <rPh sb="16" eb="18">
      <t>テイジ</t>
    </rPh>
    <rPh sb="19" eb="21">
      <t>フツウ</t>
    </rPh>
    <phoneticPr fontId="2"/>
  </si>
  <si>
    <t>よみがな</t>
    <phoneticPr fontId="2"/>
  </si>
  <si>
    <t>(045)571-0851</t>
  </si>
  <si>
    <t>(045)585-5780</t>
  </si>
  <si>
    <t>(045)662-3710</t>
  </si>
  <si>
    <t>(045)663-2495</t>
  </si>
  <si>
    <t>(045)713-2323</t>
  </si>
  <si>
    <t>(045)713-3969</t>
  </si>
  <si>
    <t>(045)751-5151</t>
  </si>
  <si>
    <t>(045)754-6739</t>
  </si>
  <si>
    <t>(045)331-5021</t>
  </si>
  <si>
    <t>(045)332-6039</t>
  </si>
  <si>
    <t>(045)781-5761</t>
  </si>
  <si>
    <t>(045)788-5150</t>
  </si>
  <si>
    <t>(045)871-0301</t>
  </si>
  <si>
    <t>(045)822-1910</t>
  </si>
  <si>
    <t>(045)826-0818</t>
  </si>
  <si>
    <t>(045)511-3654</t>
  </si>
  <si>
    <t>(045)511-3644</t>
  </si>
  <si>
    <t>(044)244-4981</t>
  </si>
  <si>
    <t>(044)522-0125</t>
  </si>
  <si>
    <t>(044)511-7336</t>
  </si>
  <si>
    <t>(044)411-2640</t>
  </si>
  <si>
    <t>(044)811-2555</t>
  </si>
  <si>
    <t>(046)833-4111</t>
  </si>
  <si>
    <t>(046)833-4555</t>
  </si>
  <si>
    <t>全日・定時（夜間）</t>
    <rPh sb="0" eb="1">
      <t>ゼン</t>
    </rPh>
    <rPh sb="1" eb="2">
      <t>ニチ</t>
    </rPh>
    <rPh sb="3" eb="5">
      <t>テイジ</t>
    </rPh>
    <rPh sb="6" eb="8">
      <t>ヤカン</t>
    </rPh>
    <phoneticPr fontId="2"/>
  </si>
  <si>
    <t>全日・定時（昼間・夜間）</t>
    <rPh sb="0" eb="1">
      <t>ゼン</t>
    </rPh>
    <rPh sb="1" eb="2">
      <t>ニチ</t>
    </rPh>
    <rPh sb="3" eb="5">
      <t>テイジ</t>
    </rPh>
    <rPh sb="6" eb="8">
      <t>ヒルマ</t>
    </rPh>
    <rPh sb="9" eb="11">
      <t>ヤカン</t>
    </rPh>
    <phoneticPr fontId="2"/>
  </si>
  <si>
    <t>横浜市立東高等学校</t>
  </si>
  <si>
    <t>ひがし</t>
  </si>
  <si>
    <t>全日</t>
  </si>
  <si>
    <t>普通</t>
  </si>
  <si>
    <t>横浜市立みなと総合高等学校</t>
  </si>
  <si>
    <t>みなとそうごう</t>
  </si>
  <si>
    <t>総合</t>
  </si>
  <si>
    <t>横浜市立横浜商業高等学校</t>
  </si>
  <si>
    <t>よこはましょうぎょう</t>
  </si>
  <si>
    <t>〃（別科）</t>
  </si>
  <si>
    <t>べっか</t>
  </si>
  <si>
    <t>235-0011</t>
  </si>
  <si>
    <t>横浜市磯子区丸山1-22-21</t>
  </si>
  <si>
    <t>（別科）</t>
  </si>
  <si>
    <t>理容・美容</t>
  </si>
  <si>
    <t>横浜市立横浜総合高等学校</t>
  </si>
  <si>
    <t>よこはまそうごう</t>
  </si>
  <si>
    <t>232-0061</t>
  </si>
  <si>
    <t>横浜市南区大岡2‐29‐1</t>
  </si>
  <si>
    <t>(045)744-1900</t>
  </si>
  <si>
    <t>横浜市立桜丘高等学校</t>
  </si>
  <si>
    <t>さくらがおか</t>
  </si>
  <si>
    <t>横浜市立金沢高等学校</t>
  </si>
  <si>
    <t>かなざわ</t>
  </si>
  <si>
    <t>横浜市立戸塚高等学校</t>
  </si>
  <si>
    <t>とつか</t>
  </si>
  <si>
    <t>(045)871-0086（全日）
(045)862-5396（定時）</t>
  </si>
  <si>
    <t>横浜市立南高等学校</t>
  </si>
  <si>
    <t>みなみ</t>
  </si>
  <si>
    <t>横浜市立横浜サイエンスフロンティア高等学校</t>
  </si>
  <si>
    <t>よこはまさいえんすふろんてぃあ</t>
  </si>
  <si>
    <t>230-0046</t>
  </si>
  <si>
    <t>横浜市鶴見区小野町6</t>
  </si>
  <si>
    <t>理数</t>
  </si>
  <si>
    <r>
      <t>(045)744‐19</t>
    </r>
    <r>
      <rPr>
        <sz val="11"/>
        <rFont val="ＭＳ Ｐゴシック"/>
        <family val="3"/>
        <charset val="128"/>
      </rPr>
      <t>33</t>
    </r>
    <phoneticPr fontId="2"/>
  </si>
  <si>
    <t>商業・国際・スポーツマネジメント</t>
    <phoneticPr fontId="2"/>
  </si>
  <si>
    <t>（全日）普通、ビジネス教養</t>
    <rPh sb="1" eb="2">
      <t>ゼン</t>
    </rPh>
    <rPh sb="2" eb="3">
      <t>ニチ</t>
    </rPh>
    <rPh sb="4" eb="6">
      <t>フツウ</t>
    </rPh>
    <rPh sb="11" eb="13">
      <t>キョウヨウ</t>
    </rPh>
    <phoneticPr fontId="2"/>
  </si>
  <si>
    <t>（全日）情報工学・総合電気・電子機械・建設工学・デザイン・科学
（定時）クリエイト工学・商業</t>
    <rPh sb="1" eb="2">
      <t>ゼン</t>
    </rPh>
    <rPh sb="2" eb="3">
      <t>ニチ</t>
    </rPh>
    <rPh sb="4" eb="6">
      <t>ジョウホウ</t>
    </rPh>
    <rPh sb="6" eb="8">
      <t>コウガク</t>
    </rPh>
    <rPh sb="9" eb="11">
      <t>ソウゴウ</t>
    </rPh>
    <rPh sb="11" eb="13">
      <t>デンキ</t>
    </rPh>
    <rPh sb="14" eb="16">
      <t>デンシ</t>
    </rPh>
    <rPh sb="16" eb="18">
      <t>キカイ</t>
    </rPh>
    <rPh sb="19" eb="21">
      <t>ケンセツ</t>
    </rPh>
    <rPh sb="21" eb="23">
      <t>コウガク</t>
    </rPh>
    <rPh sb="29" eb="31">
      <t>カガク</t>
    </rPh>
    <rPh sb="33" eb="35">
      <t>テイジ</t>
    </rPh>
    <rPh sb="41" eb="43">
      <t>コウガク</t>
    </rPh>
    <rPh sb="44" eb="46">
      <t>ショウギョウ</t>
    </rPh>
    <phoneticPr fontId="2"/>
  </si>
  <si>
    <t>川崎市立幸高等学校</t>
    <rPh sb="4" eb="5">
      <t>サイワ</t>
    </rPh>
    <phoneticPr fontId="3"/>
  </si>
  <si>
    <t>さいわい</t>
    <phoneticPr fontId="2"/>
  </si>
  <si>
    <t>設置者</t>
    <rPh sb="0" eb="2">
      <t>セッチ</t>
    </rPh>
    <rPh sb="2" eb="3">
      <t>シャ</t>
    </rPh>
    <phoneticPr fontId="2"/>
  </si>
  <si>
    <t>横浜市
（本校9校）</t>
    <rPh sb="0" eb="2">
      <t>ヨコハマ</t>
    </rPh>
    <rPh sb="2" eb="3">
      <t>シ</t>
    </rPh>
    <rPh sb="5" eb="7">
      <t>ホンコウ</t>
    </rPh>
    <rPh sb="8" eb="9">
      <t>コウ</t>
    </rPh>
    <phoneticPr fontId="2"/>
  </si>
  <si>
    <t>川崎市
（本校5校）</t>
    <rPh sb="0" eb="2">
      <t>カワサキ</t>
    </rPh>
    <rPh sb="2" eb="3">
      <t>シ</t>
    </rPh>
    <rPh sb="5" eb="7">
      <t>ホンコウ</t>
    </rPh>
    <rPh sb="8" eb="9">
      <t>コウ</t>
    </rPh>
    <phoneticPr fontId="2"/>
  </si>
  <si>
    <t>横須賀市
（本校1校）</t>
    <rPh sb="0" eb="3">
      <t>ヨコスカ</t>
    </rPh>
    <rPh sb="3" eb="4">
      <t>シ</t>
    </rPh>
    <rPh sb="6" eb="8">
      <t>ホンコウ</t>
    </rPh>
    <rPh sb="9" eb="10">
      <t>コウ</t>
    </rPh>
    <phoneticPr fontId="2"/>
  </si>
  <si>
    <r>
      <t>2</t>
    </r>
    <r>
      <rPr>
        <sz val="11"/>
        <rFont val="ＭＳ Ｐゴシック"/>
        <family val="3"/>
        <charset val="128"/>
      </rPr>
      <t>45-0061</t>
    </r>
    <phoneticPr fontId="2"/>
  </si>
  <si>
    <t>ファクシミリ</t>
    <phoneticPr fontId="2"/>
  </si>
  <si>
    <t>横浜市保土ケ谷区桜ケ丘2-15-1</t>
    <phoneticPr fontId="2"/>
  </si>
  <si>
    <t>全日単位</t>
    <rPh sb="2" eb="4">
      <t>タンイ</t>
    </rPh>
    <phoneticPr fontId="2"/>
  </si>
  <si>
    <t>定時単位</t>
    <rPh sb="2" eb="4">
      <t>タンイ</t>
    </rPh>
    <phoneticPr fontId="2"/>
  </si>
  <si>
    <t>全日単位・定時</t>
    <rPh sb="2" eb="4">
      <t>タンイ</t>
    </rPh>
    <phoneticPr fontId="2"/>
  </si>
  <si>
    <t>全日単位</t>
    <phoneticPr fontId="2"/>
  </si>
  <si>
    <t>全日単位・定時単位</t>
    <rPh sb="0" eb="1">
      <t>ゼン</t>
    </rPh>
    <rPh sb="1" eb="2">
      <t>ニチ</t>
    </rPh>
    <rPh sb="5" eb="7">
      <t>テイジ</t>
    </rPh>
    <phoneticPr fontId="2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indexed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/>
  </cellStyleXfs>
  <cellXfs count="76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Border="1"/>
    <xf numFmtId="0" fontId="0" fillId="0" borderId="0" xfId="0" applyFill="1" applyAlignment="1">
      <alignment horizontal="center"/>
    </xf>
    <xf numFmtId="0" fontId="4" fillId="0" borderId="0" xfId="0" applyFont="1" applyFill="1"/>
    <xf numFmtId="49" fontId="6" fillId="0" borderId="1" xfId="0" applyNumberFormat="1" applyFont="1" applyFill="1" applyBorder="1" applyAlignment="1">
      <alignment horizontal="center" vertical="center" wrapText="1"/>
    </xf>
    <xf numFmtId="0" fontId="1" fillId="0" borderId="0" xfId="0" applyNumberFormat="1" applyFont="1" applyFill="1" applyBorder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left" vertical="center"/>
    </xf>
    <xf numFmtId="49" fontId="7" fillId="0" borderId="0" xfId="0" applyNumberFormat="1" applyFont="1" applyFill="1" applyBorder="1" applyAlignment="1">
      <alignment horizontal="left" vertical="center" wrapText="1"/>
    </xf>
    <xf numFmtId="0" fontId="7" fillId="0" borderId="7" xfId="0" applyNumberFormat="1" applyFont="1" applyFill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horizontal="center" vertical="center" wrapText="1"/>
    </xf>
    <xf numFmtId="49" fontId="7" fillId="0" borderId="7" xfId="0" applyNumberFormat="1" applyFont="1" applyFill="1" applyBorder="1" applyAlignment="1">
      <alignment horizontal="left" vertical="center" wrapText="1"/>
    </xf>
    <xf numFmtId="49" fontId="7" fillId="0" borderId="9" xfId="0" applyNumberFormat="1" applyFont="1" applyFill="1" applyBorder="1" applyAlignment="1">
      <alignment horizontal="left" vertical="center" wrapText="1"/>
    </xf>
    <xf numFmtId="0" fontId="7" fillId="0" borderId="1" xfId="0" applyNumberFormat="1" applyFont="1" applyFill="1" applyBorder="1" applyAlignment="1">
      <alignment horizontal="left" vertical="center" wrapText="1"/>
    </xf>
    <xf numFmtId="49" fontId="7" fillId="0" borderId="10" xfId="0" applyNumberFormat="1" applyFont="1" applyFill="1" applyBorder="1" applyAlignment="1">
      <alignment horizontal="center" vertical="center" wrapText="1"/>
    </xf>
    <xf numFmtId="49" fontId="7" fillId="0" borderId="1" xfId="0" applyNumberFormat="1" applyFont="1" applyFill="1" applyBorder="1" applyAlignment="1">
      <alignment horizontal="left" vertical="center" wrapText="1"/>
    </xf>
    <xf numFmtId="0" fontId="7" fillId="0" borderId="1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center" wrapText="1"/>
    </xf>
    <xf numFmtId="49" fontId="7" fillId="0" borderId="1" xfId="0" applyNumberFormat="1" applyFont="1" applyFill="1" applyBorder="1" applyAlignment="1">
      <alignment horizontal="center" vertical="center" wrapText="1"/>
    </xf>
    <xf numFmtId="0" fontId="7" fillId="0" borderId="10" xfId="0" applyFont="1" applyFill="1" applyBorder="1" applyAlignment="1">
      <alignment horizontal="center" vertical="center"/>
    </xf>
    <xf numFmtId="49" fontId="7" fillId="0" borderId="12" xfId="0" applyNumberFormat="1" applyFont="1" applyFill="1" applyBorder="1" applyAlignment="1">
      <alignment horizontal="left" vertical="center" wrapText="1"/>
    </xf>
    <xf numFmtId="0" fontId="7" fillId="0" borderId="13" xfId="0" applyNumberFormat="1" applyFont="1" applyFill="1" applyBorder="1" applyAlignment="1">
      <alignment horizontal="left" vertical="center" wrapText="1"/>
    </xf>
    <xf numFmtId="49" fontId="7" fillId="0" borderId="12" xfId="0" applyNumberFormat="1" applyFont="1" applyFill="1" applyBorder="1" applyAlignment="1">
      <alignment horizontal="center" vertical="center" wrapText="1"/>
    </xf>
    <xf numFmtId="49" fontId="7" fillId="0" borderId="13" xfId="0" applyNumberFormat="1" applyFont="1" applyFill="1" applyBorder="1" applyAlignment="1">
      <alignment horizontal="left" vertical="center" wrapText="1"/>
    </xf>
    <xf numFmtId="49" fontId="7" fillId="0" borderId="13" xfId="0" applyNumberFormat="1" applyFont="1" applyFill="1" applyBorder="1" applyAlignment="1">
      <alignment horizontal="center" vertical="center" wrapText="1"/>
    </xf>
    <xf numFmtId="0" fontId="7" fillId="0" borderId="14" xfId="0" applyFont="1" applyFill="1" applyBorder="1" applyAlignment="1">
      <alignment horizontal="left" vertical="center"/>
    </xf>
    <xf numFmtId="0" fontId="7" fillId="0" borderId="9" xfId="0" applyFont="1" applyFill="1" applyBorder="1" applyAlignment="1">
      <alignment horizontal="left" vertical="center"/>
    </xf>
    <xf numFmtId="0" fontId="7" fillId="0" borderId="16" xfId="0" applyFont="1" applyFill="1" applyBorder="1" applyAlignment="1">
      <alignment horizontal="left" vertical="center"/>
    </xf>
    <xf numFmtId="49" fontId="7" fillId="0" borderId="18" xfId="0" applyNumberFormat="1" applyFont="1" applyFill="1" applyBorder="1" applyAlignment="1">
      <alignment horizontal="left" vertical="center" shrinkToFit="1"/>
    </xf>
    <xf numFmtId="0" fontId="7" fillId="0" borderId="13" xfId="0" applyNumberFormat="1" applyFont="1" applyFill="1" applyBorder="1" applyAlignment="1">
      <alignment horizontal="left" vertical="center" shrinkToFit="1"/>
    </xf>
    <xf numFmtId="49" fontId="7" fillId="0" borderId="14" xfId="0" applyNumberFormat="1" applyFont="1" applyFill="1" applyBorder="1" applyAlignment="1">
      <alignment horizontal="left" vertical="center" wrapText="1"/>
    </xf>
    <xf numFmtId="49" fontId="7" fillId="0" borderId="19" xfId="0" applyNumberFormat="1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left" vertical="center" wrapText="1"/>
    </xf>
    <xf numFmtId="49" fontId="7" fillId="0" borderId="3" xfId="0" applyNumberFormat="1" applyFont="1" applyFill="1" applyBorder="1" applyAlignment="1">
      <alignment horizontal="left" vertical="center" wrapText="1"/>
    </xf>
    <xf numFmtId="0" fontId="7" fillId="0" borderId="4" xfId="0" applyNumberFormat="1" applyFont="1" applyFill="1" applyBorder="1" applyAlignment="1">
      <alignment horizontal="left" vertical="center" wrapText="1"/>
    </xf>
    <xf numFmtId="49" fontId="7" fillId="0" borderId="3" xfId="0" applyNumberFormat="1" applyFont="1" applyFill="1" applyBorder="1" applyAlignment="1">
      <alignment horizontal="center" vertical="center" wrapText="1"/>
    </xf>
    <xf numFmtId="49" fontId="7" fillId="0" borderId="4" xfId="0" applyNumberFormat="1" applyFont="1" applyFill="1" applyBorder="1" applyAlignment="1">
      <alignment horizontal="left" vertical="center" wrapText="1"/>
    </xf>
    <xf numFmtId="49" fontId="7" fillId="0" borderId="4" xfId="0" applyNumberFormat="1" applyFont="1" applyFill="1" applyBorder="1" applyAlignment="1">
      <alignment horizontal="center" vertical="center" wrapText="1"/>
    </xf>
    <xf numFmtId="0" fontId="7" fillId="0" borderId="5" xfId="0" applyFont="1" applyFill="1" applyBorder="1" applyAlignment="1">
      <alignment horizontal="left" vertical="center"/>
    </xf>
    <xf numFmtId="0" fontId="7" fillId="0" borderId="0" xfId="0" applyFont="1" applyFill="1" applyAlignment="1">
      <alignment horizontal="center"/>
    </xf>
    <xf numFmtId="0" fontId="7" fillId="0" borderId="0" xfId="0" applyFont="1" applyFill="1"/>
    <xf numFmtId="49" fontId="7" fillId="0" borderId="20" xfId="0" applyNumberFormat="1" applyFont="1" applyFill="1" applyBorder="1" applyAlignment="1">
      <alignment horizontal="left" vertical="center" wrapText="1"/>
    </xf>
    <xf numFmtId="0" fontId="7" fillId="0" borderId="21" xfId="0" applyNumberFormat="1" applyFont="1" applyFill="1" applyBorder="1" applyAlignment="1">
      <alignment horizontal="left" vertical="center" wrapText="1"/>
    </xf>
    <xf numFmtId="49" fontId="7" fillId="0" borderId="22" xfId="0" applyNumberFormat="1" applyFont="1" applyFill="1" applyBorder="1" applyAlignment="1">
      <alignment horizontal="center" vertical="center" wrapText="1"/>
    </xf>
    <xf numFmtId="49" fontId="7" fillId="0" borderId="21" xfId="0" applyNumberFormat="1" applyFont="1" applyFill="1" applyBorder="1" applyAlignment="1">
      <alignment horizontal="left" vertical="center" wrapText="1"/>
    </xf>
    <xf numFmtId="49" fontId="7" fillId="0" borderId="21" xfId="0" applyNumberFormat="1" applyFont="1" applyFill="1" applyBorder="1" applyAlignment="1">
      <alignment horizontal="center" vertical="center" wrapText="1"/>
    </xf>
    <xf numFmtId="0" fontId="7" fillId="0" borderId="0" xfId="0" applyNumberFormat="1" applyFont="1" applyFill="1" applyBorder="1" applyAlignment="1">
      <alignment horizontal="center" vertical="center" wrapText="1"/>
    </xf>
    <xf numFmtId="0" fontId="0" fillId="0" borderId="1" xfId="0" applyNumberFormat="1" applyFill="1" applyBorder="1" applyAlignment="1">
      <alignment horizontal="left" vertical="center" wrapText="1"/>
    </xf>
    <xf numFmtId="49" fontId="0" fillId="0" borderId="9" xfId="0" applyNumberFormat="1" applyFill="1" applyBorder="1" applyAlignment="1">
      <alignment horizontal="left" vertical="center" wrapText="1"/>
    </xf>
    <xf numFmtId="49" fontId="0" fillId="0" borderId="1" xfId="0" applyNumberFormat="1" applyFill="1" applyBorder="1" applyAlignment="1">
      <alignment horizontal="center" vertical="center" wrapText="1"/>
    </xf>
    <xf numFmtId="49" fontId="0" fillId="0" borderId="1" xfId="0" applyNumberFormat="1" applyFont="1" applyFill="1" applyBorder="1" applyAlignment="1">
      <alignment horizontal="left" vertical="center" wrapText="1"/>
    </xf>
    <xf numFmtId="49" fontId="0" fillId="0" borderId="7" xfId="0" applyNumberFormat="1" applyFont="1" applyFill="1" applyBorder="1" applyAlignment="1">
      <alignment horizontal="left" vertical="center" wrapText="1"/>
    </xf>
    <xf numFmtId="49" fontId="0" fillId="0" borderId="13" xfId="0" applyNumberFormat="1" applyFont="1" applyFill="1" applyBorder="1" applyAlignment="1">
      <alignment horizontal="left" vertical="center" wrapText="1"/>
    </xf>
    <xf numFmtId="0" fontId="0" fillId="0" borderId="23" xfId="0" applyFill="1" applyBorder="1" applyAlignment="1">
      <alignment horizontal="left" vertical="center"/>
    </xf>
    <xf numFmtId="0" fontId="0" fillId="0" borderId="11" xfId="0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7" fillId="0" borderId="6" xfId="0" applyFont="1" applyFill="1" applyBorder="1" applyAlignment="1">
      <alignment horizontal="center"/>
    </xf>
    <xf numFmtId="0" fontId="7" fillId="0" borderId="17" xfId="0" applyFont="1" applyFill="1" applyBorder="1" applyAlignment="1">
      <alignment horizontal="center"/>
    </xf>
    <xf numFmtId="0" fontId="7" fillId="2" borderId="3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2" borderId="5" xfId="0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top" wrapText="1"/>
    </xf>
    <xf numFmtId="0" fontId="0" fillId="0" borderId="2" xfId="0" applyFont="1" applyFill="1" applyBorder="1" applyAlignment="1">
      <alignment horizontal="center" vertical="top" wrapText="1"/>
    </xf>
    <xf numFmtId="49" fontId="0" fillId="0" borderId="1" xfId="0" applyNumberFormat="1" applyFont="1" applyFill="1" applyBorder="1" applyAlignment="1">
      <alignment horizontal="center" vertical="center" wrapText="1"/>
    </xf>
    <xf numFmtId="0" fontId="0" fillId="2" borderId="4" xfId="0" applyFont="1" applyFill="1" applyBorder="1" applyAlignment="1">
      <alignment horizontal="center" vertical="center"/>
    </xf>
    <xf numFmtId="49" fontId="0" fillId="0" borderId="21" xfId="0" applyNumberFormat="1" applyFont="1" applyFill="1" applyBorder="1" applyAlignment="1">
      <alignment horizontal="left" vertical="center" wrapText="1"/>
    </xf>
    <xf numFmtId="49" fontId="0" fillId="0" borderId="4" xfId="0" applyNumberFormat="1" applyFont="1" applyFill="1" applyBorder="1" applyAlignment="1">
      <alignment horizontal="left" vertical="center" wrapText="1"/>
    </xf>
    <xf numFmtId="0" fontId="0" fillId="0" borderId="1" xfId="0" applyFont="1" applyFill="1" applyBorder="1" applyAlignment="1">
      <alignment horizontal="left" vertical="center"/>
    </xf>
    <xf numFmtId="0" fontId="8" fillId="0" borderId="24" xfId="0" applyNumberFormat="1" applyFont="1" applyFill="1" applyBorder="1" applyAlignment="1">
      <alignment horizontal="center" vertical="center" wrapText="1"/>
    </xf>
    <xf numFmtId="0" fontId="8" fillId="0" borderId="0" xfId="0" applyFont="1" applyAlignment="1"/>
    <xf numFmtId="0" fontId="0" fillId="0" borderId="0" xfId="0" applyFont="1" applyFill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L27"/>
  <sheetViews>
    <sheetView showGridLines="0" tabSelected="1" zoomScaleNormal="100" workbookViewId="0">
      <pane xSplit="3" ySplit="4" topLeftCell="E5" activePane="bottomRight" state="frozen"/>
      <selection pane="topRight" activeCell="D1" sqref="D1"/>
      <selection pane="bottomLeft" activeCell="A5" sqref="A5"/>
      <selection pane="bottomRight" activeCell="F5" sqref="F5"/>
    </sheetView>
  </sheetViews>
  <sheetFormatPr defaultRowHeight="13" x14ac:dyDescent="0.2"/>
  <cols>
    <col min="1" max="1" width="1.26953125" style="2" customWidth="1"/>
    <col min="2" max="2" width="10.6328125" style="43" customWidth="1"/>
    <col min="3" max="3" width="37.7265625" style="9" customWidth="1"/>
    <col min="4" max="4" width="23.26953125" style="9" customWidth="1"/>
    <col min="5" max="5" width="9" style="8"/>
    <col min="6" max="6" width="30.6328125" style="9" bestFit="1" customWidth="1"/>
    <col min="7" max="7" width="13.36328125" style="8" customWidth="1"/>
    <col min="8" max="8" width="15.26953125" style="8" bestFit="1" customWidth="1"/>
    <col min="9" max="9" width="10.26953125" style="9" bestFit="1" customWidth="1"/>
    <col min="10" max="10" width="30.26953125" style="9" bestFit="1" customWidth="1"/>
    <col min="11" max="11" width="9" style="2"/>
  </cols>
  <sheetData>
    <row r="2" spans="1:12" x14ac:dyDescent="0.2">
      <c r="B2" s="59" t="s">
        <v>10</v>
      </c>
      <c r="C2" s="8"/>
    </row>
    <row r="3" spans="1:12" ht="13.5" thickBot="1" x14ac:dyDescent="0.25">
      <c r="J3" s="75" t="s">
        <v>126</v>
      </c>
    </row>
    <row r="4" spans="1:12" s="1" customFormat="1" ht="34.5" customHeight="1" thickBot="1" x14ac:dyDescent="0.25">
      <c r="A4" s="4"/>
      <c r="B4" s="65" t="s">
        <v>114</v>
      </c>
      <c r="C4" s="62" t="s">
        <v>11</v>
      </c>
      <c r="D4" s="63" t="s">
        <v>47</v>
      </c>
      <c r="E4" s="62" t="s">
        <v>12</v>
      </c>
      <c r="F4" s="63" t="s">
        <v>13</v>
      </c>
      <c r="G4" s="62" t="s">
        <v>14</v>
      </c>
      <c r="H4" s="69" t="s">
        <v>119</v>
      </c>
      <c r="I4" s="63" t="s">
        <v>15</v>
      </c>
      <c r="J4" s="64" t="s">
        <v>16</v>
      </c>
      <c r="K4" s="4"/>
    </row>
    <row r="5" spans="1:12" ht="26" x14ac:dyDescent="0.2">
      <c r="B5" s="66" t="s">
        <v>115</v>
      </c>
      <c r="C5" s="45" t="s">
        <v>74</v>
      </c>
      <c r="D5" s="46" t="s">
        <v>75</v>
      </c>
      <c r="E5" s="47" t="s">
        <v>20</v>
      </c>
      <c r="F5" s="48" t="s">
        <v>21</v>
      </c>
      <c r="G5" s="47" t="s">
        <v>48</v>
      </c>
      <c r="H5" s="49" t="s">
        <v>49</v>
      </c>
      <c r="I5" s="70" t="s">
        <v>121</v>
      </c>
      <c r="J5" s="57" t="s">
        <v>77</v>
      </c>
      <c r="L5" s="2"/>
    </row>
    <row r="6" spans="1:12" x14ac:dyDescent="0.2">
      <c r="B6" s="60"/>
      <c r="C6" s="14" t="s">
        <v>78</v>
      </c>
      <c r="D6" s="15" t="s">
        <v>79</v>
      </c>
      <c r="E6" s="16" t="s">
        <v>22</v>
      </c>
      <c r="F6" s="17" t="s">
        <v>23</v>
      </c>
      <c r="G6" s="16" t="s">
        <v>50</v>
      </c>
      <c r="H6" s="22" t="s">
        <v>51</v>
      </c>
      <c r="I6" s="70" t="s">
        <v>121</v>
      </c>
      <c r="J6" s="20" t="s">
        <v>80</v>
      </c>
      <c r="L6" s="2"/>
    </row>
    <row r="7" spans="1:12" x14ac:dyDescent="0.2">
      <c r="B7" s="60"/>
      <c r="C7" s="14" t="s">
        <v>81</v>
      </c>
      <c r="D7" s="15" t="s">
        <v>82</v>
      </c>
      <c r="E7" s="16" t="s">
        <v>24</v>
      </c>
      <c r="F7" s="17" t="s">
        <v>25</v>
      </c>
      <c r="G7" s="16" t="s">
        <v>52</v>
      </c>
      <c r="H7" s="22" t="s">
        <v>53</v>
      </c>
      <c r="I7" s="54" t="s">
        <v>76</v>
      </c>
      <c r="J7" s="58" t="s">
        <v>109</v>
      </c>
    </row>
    <row r="8" spans="1:12" x14ac:dyDescent="0.2">
      <c r="A8" s="5"/>
      <c r="B8" s="60"/>
      <c r="C8" s="30" t="s">
        <v>83</v>
      </c>
      <c r="D8" s="19" t="s">
        <v>84</v>
      </c>
      <c r="E8" s="23" t="s">
        <v>85</v>
      </c>
      <c r="F8" s="19" t="s">
        <v>86</v>
      </c>
      <c r="G8" s="23" t="s">
        <v>54</v>
      </c>
      <c r="H8" s="18" t="s">
        <v>55</v>
      </c>
      <c r="I8" s="72" t="s">
        <v>87</v>
      </c>
      <c r="J8" s="20" t="s">
        <v>88</v>
      </c>
    </row>
    <row r="9" spans="1:12" x14ac:dyDescent="0.2">
      <c r="B9" s="60"/>
      <c r="C9" s="14" t="s">
        <v>89</v>
      </c>
      <c r="D9" s="15" t="s">
        <v>90</v>
      </c>
      <c r="E9" s="16" t="s">
        <v>91</v>
      </c>
      <c r="F9" s="17" t="s">
        <v>92</v>
      </c>
      <c r="G9" s="16" t="s">
        <v>93</v>
      </c>
      <c r="H9" s="53" t="s">
        <v>108</v>
      </c>
      <c r="I9" s="54" t="s">
        <v>122</v>
      </c>
      <c r="J9" s="20" t="s">
        <v>80</v>
      </c>
    </row>
    <row r="10" spans="1:12" ht="13.5" customHeight="1" x14ac:dyDescent="0.2">
      <c r="B10" s="60"/>
      <c r="C10" s="14" t="s">
        <v>94</v>
      </c>
      <c r="D10" s="15" t="s">
        <v>95</v>
      </c>
      <c r="E10" s="16" t="s">
        <v>26</v>
      </c>
      <c r="F10" s="54" t="s">
        <v>120</v>
      </c>
      <c r="G10" s="16" t="s">
        <v>56</v>
      </c>
      <c r="H10" s="22" t="s">
        <v>57</v>
      </c>
      <c r="I10" s="54" t="s">
        <v>76</v>
      </c>
      <c r="J10" s="20" t="s">
        <v>77</v>
      </c>
      <c r="K10" s="7"/>
    </row>
    <row r="11" spans="1:12" ht="13.5" customHeight="1" x14ac:dyDescent="0.2">
      <c r="B11" s="60"/>
      <c r="C11" s="14" t="s">
        <v>96</v>
      </c>
      <c r="D11" s="15" t="s">
        <v>97</v>
      </c>
      <c r="E11" s="16" t="s">
        <v>27</v>
      </c>
      <c r="F11" s="17" t="s">
        <v>28</v>
      </c>
      <c r="G11" s="16" t="s">
        <v>58</v>
      </c>
      <c r="H11" s="22" t="s">
        <v>59</v>
      </c>
      <c r="I11" s="54" t="s">
        <v>76</v>
      </c>
      <c r="J11" s="20" t="s">
        <v>77</v>
      </c>
      <c r="K11" s="7"/>
    </row>
    <row r="12" spans="1:12" s="2" customFormat="1" ht="27.75" customHeight="1" x14ac:dyDescent="0.2">
      <c r="B12" s="60"/>
      <c r="C12" s="17" t="s">
        <v>98</v>
      </c>
      <c r="D12" s="15" t="s">
        <v>99</v>
      </c>
      <c r="E12" s="68" t="s">
        <v>118</v>
      </c>
      <c r="F12" s="17" t="s">
        <v>29</v>
      </c>
      <c r="G12" s="22" t="s">
        <v>60</v>
      </c>
      <c r="H12" s="6" t="s">
        <v>100</v>
      </c>
      <c r="I12" s="54" t="s">
        <v>123</v>
      </c>
      <c r="J12" s="31" t="s">
        <v>77</v>
      </c>
      <c r="K12" s="7"/>
    </row>
    <row r="13" spans="1:12" s="3" customFormat="1" ht="13.5" customHeight="1" x14ac:dyDescent="0.2">
      <c r="A13" s="2"/>
      <c r="B13" s="60"/>
      <c r="C13" s="14" t="s">
        <v>101</v>
      </c>
      <c r="D13" s="15" t="s">
        <v>102</v>
      </c>
      <c r="E13" s="16" t="s">
        <v>30</v>
      </c>
      <c r="F13" s="17" t="s">
        <v>31</v>
      </c>
      <c r="G13" s="16" t="s">
        <v>61</v>
      </c>
      <c r="H13" s="22" t="s">
        <v>62</v>
      </c>
      <c r="I13" s="54" t="s">
        <v>76</v>
      </c>
      <c r="J13" s="20" t="s">
        <v>77</v>
      </c>
      <c r="K13" s="7"/>
    </row>
    <row r="14" spans="1:12" s="2" customFormat="1" ht="13.5" thickBot="1" x14ac:dyDescent="0.25">
      <c r="B14" s="61"/>
      <c r="C14" s="32" t="s">
        <v>103</v>
      </c>
      <c r="D14" s="33" t="s">
        <v>104</v>
      </c>
      <c r="E14" s="26" t="s">
        <v>105</v>
      </c>
      <c r="F14" s="27" t="s">
        <v>106</v>
      </c>
      <c r="G14" s="26" t="s">
        <v>63</v>
      </c>
      <c r="H14" s="28" t="s">
        <v>64</v>
      </c>
      <c r="I14" s="56" t="s">
        <v>124</v>
      </c>
      <c r="J14" s="34" t="s">
        <v>107</v>
      </c>
      <c r="K14" s="7"/>
    </row>
    <row r="15" spans="1:12" s="2" customFormat="1" ht="39" x14ac:dyDescent="0.2">
      <c r="B15" s="66" t="s">
        <v>116</v>
      </c>
      <c r="C15" s="10" t="s">
        <v>32</v>
      </c>
      <c r="D15" s="11" t="s">
        <v>0</v>
      </c>
      <c r="E15" s="12" t="s">
        <v>33</v>
      </c>
      <c r="F15" s="13" t="s">
        <v>34</v>
      </c>
      <c r="G15" s="12" t="s">
        <v>65</v>
      </c>
      <c r="H15" s="35" t="s">
        <v>1</v>
      </c>
      <c r="I15" s="55" t="s">
        <v>73</v>
      </c>
      <c r="J15" s="36" t="s">
        <v>45</v>
      </c>
      <c r="K15" s="50"/>
    </row>
    <row r="16" spans="1:12" x14ac:dyDescent="0.2">
      <c r="B16" s="60"/>
      <c r="C16" s="52" t="s">
        <v>112</v>
      </c>
      <c r="D16" s="51" t="s">
        <v>113</v>
      </c>
      <c r="E16" s="16" t="s">
        <v>35</v>
      </c>
      <c r="F16" s="17" t="s">
        <v>36</v>
      </c>
      <c r="G16" s="16" t="s">
        <v>66</v>
      </c>
      <c r="H16" s="22" t="s">
        <v>1</v>
      </c>
      <c r="I16" s="54" t="s">
        <v>17</v>
      </c>
      <c r="J16" s="58" t="s">
        <v>110</v>
      </c>
      <c r="K16" s="50"/>
    </row>
    <row r="17" spans="2:12" s="2" customFormat="1" ht="54" customHeight="1" x14ac:dyDescent="0.2">
      <c r="B17" s="60"/>
      <c r="C17" s="52" t="s">
        <v>2</v>
      </c>
      <c r="D17" s="15" t="s">
        <v>3</v>
      </c>
      <c r="E17" s="16" t="s">
        <v>37</v>
      </c>
      <c r="F17" s="17" t="s">
        <v>38</v>
      </c>
      <c r="G17" s="16" t="s">
        <v>67</v>
      </c>
      <c r="H17" s="53" t="s">
        <v>1</v>
      </c>
      <c r="I17" s="54" t="s">
        <v>72</v>
      </c>
      <c r="J17" s="58" t="s">
        <v>111</v>
      </c>
      <c r="K17" s="73"/>
      <c r="L17" s="74"/>
    </row>
    <row r="18" spans="2:12" s="2" customFormat="1" ht="26" x14ac:dyDescent="0.2">
      <c r="B18" s="60"/>
      <c r="C18" s="14" t="s">
        <v>4</v>
      </c>
      <c r="D18" s="15" t="s">
        <v>5</v>
      </c>
      <c r="E18" s="16" t="s">
        <v>39</v>
      </c>
      <c r="F18" s="17" t="s">
        <v>40</v>
      </c>
      <c r="G18" s="16" t="s">
        <v>68</v>
      </c>
      <c r="H18" s="22" t="s">
        <v>1</v>
      </c>
      <c r="I18" s="54" t="s">
        <v>72</v>
      </c>
      <c r="J18" s="21" t="s">
        <v>46</v>
      </c>
      <c r="K18" s="50"/>
    </row>
    <row r="19" spans="2:12" s="2" customFormat="1" ht="26.5" thickBot="1" x14ac:dyDescent="0.25">
      <c r="B19" s="61"/>
      <c r="C19" s="24" t="s">
        <v>6</v>
      </c>
      <c r="D19" s="25" t="s">
        <v>9</v>
      </c>
      <c r="E19" s="26" t="s">
        <v>41</v>
      </c>
      <c r="F19" s="27" t="s">
        <v>42</v>
      </c>
      <c r="G19" s="26" t="s">
        <v>69</v>
      </c>
      <c r="H19" s="28" t="s">
        <v>1</v>
      </c>
      <c r="I19" s="56" t="s">
        <v>72</v>
      </c>
      <c r="J19" s="29" t="s">
        <v>18</v>
      </c>
      <c r="K19" s="50"/>
    </row>
    <row r="20" spans="2:12" s="2" customFormat="1" ht="42" customHeight="1" thickBot="1" x14ac:dyDescent="0.25">
      <c r="B20" s="67" t="s">
        <v>117</v>
      </c>
      <c r="C20" s="37" t="s">
        <v>43</v>
      </c>
      <c r="D20" s="38" t="s">
        <v>7</v>
      </c>
      <c r="E20" s="39" t="s">
        <v>8</v>
      </c>
      <c r="F20" s="40" t="s">
        <v>44</v>
      </c>
      <c r="G20" s="39" t="s">
        <v>70</v>
      </c>
      <c r="H20" s="41" t="s">
        <v>71</v>
      </c>
      <c r="I20" s="71" t="s">
        <v>125</v>
      </c>
      <c r="J20" s="42" t="s">
        <v>19</v>
      </c>
      <c r="K20" s="7"/>
    </row>
    <row r="21" spans="2:12" x14ac:dyDescent="0.2">
      <c r="C21" s="44"/>
      <c r="D21" s="44"/>
      <c r="E21" s="44"/>
      <c r="F21" s="44"/>
      <c r="G21" s="43"/>
      <c r="H21" s="43"/>
      <c r="I21" s="44"/>
      <c r="J21" s="44"/>
    </row>
    <row r="22" spans="2:12" s="2" customFormat="1" x14ac:dyDescent="0.2">
      <c r="B22" s="43"/>
      <c r="C22" s="9"/>
      <c r="D22" s="9"/>
      <c r="E22" s="8"/>
      <c r="F22" s="9"/>
      <c r="G22" s="8"/>
      <c r="H22" s="8"/>
      <c r="I22" s="9"/>
      <c r="J22" s="9"/>
    </row>
    <row r="23" spans="2:12" s="2" customFormat="1" x14ac:dyDescent="0.2">
      <c r="B23" s="43"/>
      <c r="C23" s="9"/>
      <c r="D23" s="9"/>
      <c r="E23" s="8"/>
      <c r="F23" s="9"/>
      <c r="G23" s="8"/>
      <c r="H23" s="8"/>
      <c r="I23" s="9"/>
      <c r="J23" s="9"/>
    </row>
    <row r="24" spans="2:12" s="2" customFormat="1" x14ac:dyDescent="0.2">
      <c r="B24" s="43"/>
      <c r="C24" s="9"/>
      <c r="D24" s="9"/>
      <c r="E24" s="8"/>
      <c r="F24" s="9"/>
      <c r="G24" s="8"/>
      <c r="H24" s="8"/>
      <c r="I24" s="9"/>
      <c r="J24" s="9"/>
    </row>
    <row r="25" spans="2:12" s="2" customFormat="1" x14ac:dyDescent="0.2">
      <c r="B25" s="43"/>
      <c r="C25" s="9"/>
      <c r="D25" s="9"/>
      <c r="E25" s="8"/>
      <c r="F25" s="9"/>
      <c r="G25" s="8"/>
      <c r="H25" s="8"/>
      <c r="I25" s="9"/>
      <c r="J25" s="9"/>
    </row>
    <row r="26" spans="2:12" s="2" customFormat="1" x14ac:dyDescent="0.2">
      <c r="B26" s="43"/>
      <c r="C26" s="9"/>
      <c r="D26" s="9"/>
      <c r="E26" s="8"/>
      <c r="F26" s="9"/>
      <c r="G26" s="8"/>
      <c r="H26" s="8"/>
      <c r="I26" s="9"/>
      <c r="J26" s="9"/>
    </row>
    <row r="27" spans="2:12" s="2" customFormat="1" x14ac:dyDescent="0.2">
      <c r="B27" s="43"/>
      <c r="C27" s="9"/>
      <c r="D27" s="9"/>
      <c r="E27" s="8"/>
      <c r="F27" s="9"/>
      <c r="G27" s="8"/>
      <c r="H27" s="8"/>
      <c r="I27" s="9"/>
      <c r="J27" s="9"/>
    </row>
  </sheetData>
  <mergeCells count="1">
    <mergeCell ref="K17:L17"/>
  </mergeCells>
  <phoneticPr fontId="2"/>
  <printOptions horizontalCentered="1"/>
  <pageMargins left="0.59055118110236227" right="0.59055118110236227" top="0.78740157480314965" bottom="0.19685039370078741" header="0" footer="0"/>
  <pageSetup paperSize="9" scale="50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立高等学校</vt:lpstr>
      <vt:lpstr>市立高等学校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6:16:10Z</cp:lastPrinted>
  <dcterms:created xsi:type="dcterms:W3CDTF">2009-12-22T05:54:18Z</dcterms:created>
  <dcterms:modified xsi:type="dcterms:W3CDTF">2024-03-26T06:50:00Z</dcterms:modified>
</cp:coreProperties>
</file>